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/>
  </bookViews>
  <sheets>
    <sheet name="24-4" sheetId="1" r:id="rId1"/>
  </sheets>
  <definedNames>
    <definedName name="_xlnm.Print_Area" localSheetId="0">'24-4'!$A$1:$P$44</definedName>
  </definedNames>
  <calcPr calcId="152511"/>
</workbook>
</file>

<file path=xl/calcChain.xml><?xml version="1.0" encoding="utf-8"?>
<calcChain xmlns="http://schemas.openxmlformats.org/spreadsheetml/2006/main">
  <c r="P43" i="1" l="1"/>
  <c r="O43" i="1" l="1"/>
  <c r="M43" i="1"/>
  <c r="N43" i="1"/>
  <c r="L43" i="1"/>
  <c r="K43" i="1"/>
  <c r="I43" i="1"/>
  <c r="J43" i="1"/>
  <c r="H43" i="1"/>
  <c r="G43" i="1"/>
  <c r="F43" i="1"/>
  <c r="E43" i="1"/>
  <c r="D43" i="1"/>
  <c r="C43" i="1"/>
  <c r="B43" i="1"/>
</calcChain>
</file>

<file path=xl/sharedStrings.xml><?xml version="1.0" encoding="utf-8"?>
<sst xmlns="http://schemas.openxmlformats.org/spreadsheetml/2006/main" count="46" uniqueCount="40">
  <si>
    <t>○国民健康保険会計</t>
    <rPh sb="1" eb="3">
      <t>コクミン</t>
    </rPh>
    <rPh sb="3" eb="5">
      <t>ケンコウ</t>
    </rPh>
    <rPh sb="5" eb="7">
      <t>ホケン</t>
    </rPh>
    <rPh sb="7" eb="9">
      <t>カイケイ</t>
    </rPh>
    <phoneticPr fontId="2"/>
  </si>
  <si>
    <t>○住宅新築資金等貸付事業会計</t>
    <rPh sb="1" eb="3">
      <t>ジュウタク</t>
    </rPh>
    <rPh sb="3" eb="5">
      <t>シンチク</t>
    </rPh>
    <rPh sb="5" eb="7">
      <t>シキン</t>
    </rPh>
    <rPh sb="7" eb="8">
      <t>トウ</t>
    </rPh>
    <rPh sb="8" eb="10">
      <t>カシツケ</t>
    </rPh>
    <rPh sb="10" eb="12">
      <t>ジギョウ</t>
    </rPh>
    <rPh sb="12" eb="14">
      <t>カイケイ</t>
    </rPh>
    <phoneticPr fontId="2"/>
  </si>
  <si>
    <t>○介護保険会計</t>
    <rPh sb="1" eb="3">
      <t>カイゴ</t>
    </rPh>
    <rPh sb="3" eb="5">
      <t>ホケン</t>
    </rPh>
    <phoneticPr fontId="2"/>
  </si>
  <si>
    <t>○臼田啓明園会計</t>
    <rPh sb="1" eb="3">
      <t>ウスダ</t>
    </rPh>
    <rPh sb="3" eb="4">
      <t>ケイ</t>
    </rPh>
    <rPh sb="4" eb="5">
      <t>メイ</t>
    </rPh>
    <rPh sb="5" eb="6">
      <t>エン</t>
    </rPh>
    <phoneticPr fontId="2"/>
  </si>
  <si>
    <t>○臼田学園会計</t>
    <rPh sb="1" eb="3">
      <t>ウスダ</t>
    </rPh>
    <rPh sb="3" eb="5">
      <t>ガクエン</t>
    </rPh>
    <phoneticPr fontId="2"/>
  </si>
  <si>
    <t>○老人保健医療会計</t>
    <rPh sb="1" eb="3">
      <t>ロウジン</t>
    </rPh>
    <rPh sb="3" eb="5">
      <t>ホケン</t>
    </rPh>
    <rPh sb="5" eb="7">
      <t>イリョウ</t>
    </rPh>
    <phoneticPr fontId="2"/>
  </si>
  <si>
    <t>○市営バス事業会計</t>
    <rPh sb="1" eb="3">
      <t>シエイ</t>
    </rPh>
    <rPh sb="5" eb="7">
      <t>ジギョウ</t>
    </rPh>
    <phoneticPr fontId="2"/>
  </si>
  <si>
    <t>○介護老人保健施設会計</t>
    <rPh sb="1" eb="3">
      <t>カイゴ</t>
    </rPh>
    <rPh sb="3" eb="5">
      <t>ロウジン</t>
    </rPh>
    <rPh sb="5" eb="7">
      <t>ホケン</t>
    </rPh>
    <rPh sb="7" eb="9">
      <t>シセツ</t>
    </rPh>
    <rPh sb="9" eb="11">
      <t>カイケイ</t>
    </rPh>
    <phoneticPr fontId="2"/>
  </si>
  <si>
    <t>○臼田保養センター会計</t>
    <rPh sb="1" eb="3">
      <t>ウスダ</t>
    </rPh>
    <rPh sb="3" eb="5">
      <t>ホヨウ</t>
    </rPh>
    <rPh sb="9" eb="11">
      <t>カイケイ</t>
    </rPh>
    <phoneticPr fontId="2"/>
  </si>
  <si>
    <t>○浅科温泉施設会計</t>
    <rPh sb="1" eb="3">
      <t>アサシナ</t>
    </rPh>
    <rPh sb="3" eb="5">
      <t>オンセン</t>
    </rPh>
    <rPh sb="5" eb="7">
      <t>シセツ</t>
    </rPh>
    <rPh sb="7" eb="9">
      <t>カイケイ</t>
    </rPh>
    <phoneticPr fontId="2"/>
  </si>
  <si>
    <t>○浅科道の駅施設会計</t>
    <rPh sb="1" eb="3">
      <t>アサシナ</t>
    </rPh>
    <rPh sb="3" eb="4">
      <t>ミチ</t>
    </rPh>
    <rPh sb="5" eb="6">
      <t>エキ</t>
    </rPh>
    <rPh sb="6" eb="8">
      <t>シセツ</t>
    </rPh>
    <rPh sb="8" eb="10">
      <t>カイケイ</t>
    </rPh>
    <phoneticPr fontId="2"/>
  </si>
  <si>
    <t>○特定環境保全公共下水道事業会計</t>
    <rPh sb="1" eb="3">
      <t>トクテイ</t>
    </rPh>
    <rPh sb="3" eb="5">
      <t>カンキョウ</t>
    </rPh>
    <rPh sb="5" eb="7">
      <t>ホゼン</t>
    </rPh>
    <rPh sb="7" eb="9">
      <t>コウキョウ</t>
    </rPh>
    <rPh sb="9" eb="12">
      <t>ゲスイドウ</t>
    </rPh>
    <rPh sb="12" eb="14">
      <t>ジギョウ</t>
    </rPh>
    <rPh sb="14" eb="16">
      <t>カイケイ</t>
    </rPh>
    <phoneticPr fontId="2"/>
  </si>
  <si>
    <t>○農業集落排水事業会計</t>
    <rPh sb="1" eb="3">
      <t>ノウギョウ</t>
    </rPh>
    <rPh sb="3" eb="5">
      <t>シュウラク</t>
    </rPh>
    <rPh sb="5" eb="7">
      <t>ハイスイ</t>
    </rPh>
    <rPh sb="7" eb="9">
      <t>ジギョウ</t>
    </rPh>
    <rPh sb="9" eb="11">
      <t>カイケイ</t>
    </rPh>
    <phoneticPr fontId="2"/>
  </si>
  <si>
    <t>○奨学資金会計</t>
    <rPh sb="1" eb="3">
      <t>ショウガク</t>
    </rPh>
    <rPh sb="3" eb="5">
      <t>シキン</t>
    </rPh>
    <rPh sb="5" eb="7">
      <t>カイケイ</t>
    </rPh>
    <phoneticPr fontId="2"/>
  </si>
  <si>
    <t>○茂田井財産区会計</t>
    <rPh sb="1" eb="4">
      <t>モタイ</t>
    </rPh>
    <rPh sb="4" eb="7">
      <t>ザイサンク</t>
    </rPh>
    <rPh sb="7" eb="9">
      <t>カイケイ</t>
    </rPh>
    <phoneticPr fontId="2"/>
  </si>
  <si>
    <t>○情報通信設備事業会計</t>
    <rPh sb="1" eb="5">
      <t>ジョウホウツウシン</t>
    </rPh>
    <rPh sb="5" eb="7">
      <t>セツビ</t>
    </rPh>
    <rPh sb="7" eb="9">
      <t>ジギョウ</t>
    </rPh>
    <rPh sb="9" eb="11">
      <t>カイケイ</t>
    </rPh>
    <phoneticPr fontId="2"/>
  </si>
  <si>
    <t>○国保浅間総合病院会計</t>
    <rPh sb="1" eb="3">
      <t>コクホ</t>
    </rPh>
    <rPh sb="3" eb="5">
      <t>アサマ</t>
    </rPh>
    <rPh sb="5" eb="7">
      <t>ソウゴウ</t>
    </rPh>
    <rPh sb="7" eb="9">
      <t>ビョウイン</t>
    </rPh>
    <rPh sb="9" eb="11">
      <t>カイケイ</t>
    </rPh>
    <phoneticPr fontId="2"/>
  </si>
  <si>
    <t>○公共下水道事業会計</t>
    <rPh sb="1" eb="3">
      <t>コウキョウ</t>
    </rPh>
    <rPh sb="3" eb="6">
      <t>ゲスイドウ</t>
    </rPh>
    <rPh sb="6" eb="8">
      <t>ジギョウ</t>
    </rPh>
    <rPh sb="8" eb="10">
      <t>カイケイ</t>
    </rPh>
    <phoneticPr fontId="2"/>
  </si>
  <si>
    <t>　・事業勘定</t>
    <rPh sb="2" eb="4">
      <t>ジギョウ</t>
    </rPh>
    <rPh sb="4" eb="6">
      <t>カンジョウ</t>
    </rPh>
    <phoneticPr fontId="2"/>
  </si>
  <si>
    <t>　・へき地内山診療所勘定</t>
    <rPh sb="4" eb="5">
      <t>チ</t>
    </rPh>
    <rPh sb="5" eb="7">
      <t>ウチヤマ</t>
    </rPh>
    <rPh sb="7" eb="10">
      <t>シンリョウジョ</t>
    </rPh>
    <rPh sb="10" eb="12">
      <t>カンジョウ</t>
    </rPh>
    <phoneticPr fontId="2"/>
  </si>
  <si>
    <t>　・浅科診療所勘定</t>
    <rPh sb="2" eb="4">
      <t>アサシナ</t>
    </rPh>
    <rPh sb="4" eb="7">
      <t>シンリョウジョ</t>
    </rPh>
    <rPh sb="7" eb="9">
      <t>カンジョウ</t>
    </rPh>
    <phoneticPr fontId="2"/>
  </si>
  <si>
    <t>○望月水道事業会計</t>
    <rPh sb="1" eb="3">
      <t>モチヅキ</t>
    </rPh>
    <rPh sb="3" eb="5">
      <t>スイドウ</t>
    </rPh>
    <rPh sb="5" eb="7">
      <t>ジギョウ</t>
    </rPh>
    <rPh sb="7" eb="9">
      <t>カイケイ</t>
    </rPh>
    <phoneticPr fontId="2"/>
  </si>
  <si>
    <t>○老人福祉拠点施設会計</t>
    <rPh sb="1" eb="3">
      <t>ロウジン</t>
    </rPh>
    <rPh sb="3" eb="5">
      <t>フクシ</t>
    </rPh>
    <rPh sb="5" eb="7">
      <t>キョテン</t>
    </rPh>
    <rPh sb="7" eb="9">
      <t>シセツ</t>
    </rPh>
    <rPh sb="9" eb="11">
      <t>カイケイ</t>
    </rPh>
    <phoneticPr fontId="2"/>
  </si>
  <si>
    <t>24-4　特別会計歳出状況</t>
    <rPh sb="5" eb="7">
      <t>トクベツ</t>
    </rPh>
    <rPh sb="7" eb="9">
      <t>カイケイ</t>
    </rPh>
    <rPh sb="9" eb="11">
      <t>サイシュツ</t>
    </rPh>
    <rPh sb="11" eb="13">
      <t>ジョウキョウ</t>
    </rPh>
    <phoneticPr fontId="2"/>
  </si>
  <si>
    <t>資料：財政課</t>
    <rPh sb="0" eb="2">
      <t>シリョウ</t>
    </rPh>
    <rPh sb="3" eb="6">
      <t>ザイセイカ</t>
    </rPh>
    <phoneticPr fontId="2"/>
  </si>
  <si>
    <t>　・収益的支出</t>
    <rPh sb="2" eb="5">
      <t>シュウエキテキ</t>
    </rPh>
    <rPh sb="5" eb="7">
      <t>シシュツ</t>
    </rPh>
    <phoneticPr fontId="2"/>
  </si>
  <si>
    <t>　・資本的支出</t>
    <rPh sb="2" eb="5">
      <t>シホンテキ</t>
    </rPh>
    <rPh sb="5" eb="7">
      <t>シシュツ</t>
    </rPh>
    <phoneticPr fontId="2"/>
  </si>
  <si>
    <t>○特別養護老人ホーム会計</t>
    <rPh sb="1" eb="3">
      <t>トクベツ</t>
    </rPh>
    <rPh sb="3" eb="5">
      <t>ヨウゴ</t>
    </rPh>
    <rPh sb="5" eb="7">
      <t>ロウジン</t>
    </rPh>
    <phoneticPr fontId="2"/>
  </si>
  <si>
    <t>○生活排水処理事業会計</t>
    <rPh sb="1" eb="3">
      <t>セイカツ</t>
    </rPh>
    <rPh sb="3" eb="5">
      <t>ハイスイ</t>
    </rPh>
    <rPh sb="5" eb="7">
      <t>ショリ</t>
    </rPh>
    <rPh sb="7" eb="9">
      <t>ジギョウ</t>
    </rPh>
    <rPh sb="9" eb="11">
      <t>カイケイ</t>
    </rPh>
    <phoneticPr fontId="2"/>
  </si>
  <si>
    <t>○後期高齢者医療会計</t>
    <rPh sb="1" eb="3">
      <t>コウキ</t>
    </rPh>
    <rPh sb="3" eb="6">
      <t>コウレイシャ</t>
    </rPh>
    <rPh sb="6" eb="8">
      <t>イリョウ</t>
    </rPh>
    <rPh sb="8" eb="10">
      <t>カイケイ</t>
    </rPh>
    <phoneticPr fontId="2"/>
  </si>
  <si>
    <t>○飲料水供給施設会計</t>
    <rPh sb="1" eb="4">
      <t>インリョウスイ</t>
    </rPh>
    <rPh sb="4" eb="6">
      <t>キョウキュウ</t>
    </rPh>
    <rPh sb="6" eb="8">
      <t>シセツ</t>
    </rPh>
    <rPh sb="8" eb="10">
      <t>カイケイ</t>
    </rPh>
    <phoneticPr fontId="2"/>
  </si>
  <si>
    <t>（単位：千円）</t>
    <rPh sb="1" eb="3">
      <t>タンイ</t>
    </rPh>
    <rPh sb="4" eb="6">
      <t>センエン</t>
    </rPh>
    <phoneticPr fontId="2"/>
  </si>
  <si>
    <t>歳　　出　　合　　計</t>
    <rPh sb="0" eb="1">
      <t>サイ</t>
    </rPh>
    <rPh sb="3" eb="4">
      <t>デ</t>
    </rPh>
    <rPh sb="6" eb="7">
      <t>ゴウ</t>
    </rPh>
    <rPh sb="9" eb="10">
      <t>ケイ</t>
    </rPh>
    <phoneticPr fontId="2"/>
  </si>
  <si>
    <t>年　　　　　　　度</t>
    <rPh sb="0" eb="1">
      <t>トシ</t>
    </rPh>
    <rPh sb="8" eb="9">
      <t>ド</t>
    </rPh>
    <phoneticPr fontId="2"/>
  </si>
  <si>
    <t>○障害者支援施設臼田学園会計</t>
    <rPh sb="1" eb="4">
      <t>ショウガイシャ</t>
    </rPh>
    <rPh sb="4" eb="6">
      <t>シエン</t>
    </rPh>
    <rPh sb="6" eb="8">
      <t>シセツ</t>
    </rPh>
    <rPh sb="8" eb="10">
      <t>ウスダ</t>
    </rPh>
    <rPh sb="10" eb="12">
      <t>ガクエン</t>
    </rPh>
    <rPh sb="12" eb="14">
      <t>カイケイ</t>
    </rPh>
    <phoneticPr fontId="2"/>
  </si>
  <si>
    <t>○下水道事業会計</t>
    <rPh sb="1" eb="4">
      <t>ゲスイドウ</t>
    </rPh>
    <rPh sb="4" eb="6">
      <t>ジギョウ</t>
    </rPh>
    <rPh sb="6" eb="8">
      <t>カイケイ</t>
    </rPh>
    <phoneticPr fontId="2"/>
  </si>
  <si>
    <t>○環境エネルギー事業会計</t>
    <rPh sb="1" eb="3">
      <t>カンキョウ</t>
    </rPh>
    <rPh sb="8" eb="10">
      <t>ジギョウ</t>
    </rPh>
    <rPh sb="10" eb="12">
      <t>カイケイ</t>
    </rPh>
    <phoneticPr fontId="2"/>
  </si>
  <si>
    <t>○工業用地取得造成事業会計</t>
    <rPh sb="1" eb="3">
      <t>コウギョウ</t>
    </rPh>
    <rPh sb="3" eb="5">
      <t>ヨウチ</t>
    </rPh>
    <rPh sb="5" eb="7">
      <t>シュトク</t>
    </rPh>
    <rPh sb="7" eb="9">
      <t>ゾウセイ</t>
    </rPh>
    <rPh sb="9" eb="11">
      <t>ジギョウ</t>
    </rPh>
    <rPh sb="11" eb="13">
      <t>カイケイ</t>
    </rPh>
    <phoneticPr fontId="2"/>
  </si>
  <si>
    <t>平成17年度</t>
    <rPh sb="0" eb="2">
      <t>ヘイセイ</t>
    </rPh>
    <rPh sb="4" eb="6">
      <t>ネンド</t>
    </rPh>
    <phoneticPr fontId="2"/>
  </si>
  <si>
    <t>令和元年度</t>
    <rPh sb="0" eb="5">
      <t>レイワガ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4" fillId="0" borderId="1" xfId="0" applyFont="1" applyFill="1" applyBorder="1" applyAlignment="1">
      <alignment horizontal="left" vertical="center" shrinkToFit="1"/>
    </xf>
    <xf numFmtId="0" fontId="3" fillId="0" borderId="0" xfId="0" applyFont="1" applyFill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left" vertical="center"/>
    </xf>
    <xf numFmtId="38" fontId="4" fillId="0" borderId="0" xfId="1" applyFont="1" applyFill="1" applyAlignment="1">
      <alignment vertical="center"/>
    </xf>
    <xf numFmtId="176" fontId="4" fillId="0" borderId="2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vertical="center"/>
    </xf>
    <xf numFmtId="176" fontId="4" fillId="0" borderId="1" xfId="1" applyNumberFormat="1" applyFont="1" applyFill="1" applyBorder="1" applyAlignment="1">
      <alignment vertical="center"/>
    </xf>
    <xf numFmtId="176" fontId="4" fillId="0" borderId="3" xfId="1" applyNumberFormat="1" applyFont="1" applyFill="1" applyBorder="1" applyAlignment="1">
      <alignment vertical="center"/>
    </xf>
    <xf numFmtId="176" fontId="4" fillId="0" borderId="4" xfId="1" applyNumberFormat="1" applyFont="1" applyFill="1" applyBorder="1" applyAlignment="1">
      <alignment vertical="center"/>
    </xf>
    <xf numFmtId="176" fontId="4" fillId="0" borderId="5" xfId="1" applyNumberFormat="1" applyFont="1" applyFill="1" applyBorder="1" applyAlignment="1">
      <alignment vertical="center"/>
    </xf>
    <xf numFmtId="0" fontId="4" fillId="0" borderId="6" xfId="0" applyFont="1" applyFill="1" applyBorder="1" applyAlignment="1">
      <alignment horizontal="left" vertical="center" shrinkToFit="1"/>
    </xf>
    <xf numFmtId="0" fontId="4" fillId="0" borderId="0" xfId="0" applyFont="1" applyFill="1" applyAlignment="1">
      <alignment horizontal="right" vertical="center"/>
    </xf>
    <xf numFmtId="0" fontId="4" fillId="0" borderId="0" xfId="0" applyFont="1" applyFill="1" applyBorder="1" applyAlignment="1">
      <alignment vertical="center"/>
    </xf>
    <xf numFmtId="176" fontId="4" fillId="0" borderId="7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vertical="center"/>
    </xf>
    <xf numFmtId="0" fontId="4" fillId="0" borderId="9" xfId="0" applyFont="1" applyFill="1" applyBorder="1" applyAlignment="1">
      <alignment horizontal="center" vertical="center" shrinkToFit="1"/>
    </xf>
    <xf numFmtId="0" fontId="4" fillId="0" borderId="10" xfId="0" applyFont="1" applyFill="1" applyBorder="1" applyAlignment="1">
      <alignment horizontal="left" vertical="center" shrinkToFit="1"/>
    </xf>
    <xf numFmtId="176" fontId="4" fillId="0" borderId="11" xfId="1" applyNumberFormat="1" applyFont="1" applyFill="1" applyBorder="1" applyAlignment="1">
      <alignment vertical="center"/>
    </xf>
    <xf numFmtId="176" fontId="4" fillId="0" borderId="12" xfId="1" applyNumberFormat="1" applyFont="1" applyFill="1" applyBorder="1" applyAlignment="1">
      <alignment vertical="center"/>
    </xf>
    <xf numFmtId="176" fontId="4" fillId="0" borderId="13" xfId="1" applyNumberFormat="1" applyFont="1" applyFill="1" applyBorder="1" applyAlignment="1">
      <alignment vertical="center"/>
    </xf>
    <xf numFmtId="176" fontId="4" fillId="0" borderId="14" xfId="1" applyNumberFormat="1" applyFont="1" applyFill="1" applyBorder="1" applyAlignment="1">
      <alignment vertical="center"/>
    </xf>
    <xf numFmtId="176" fontId="4" fillId="0" borderId="15" xfId="1" applyNumberFormat="1" applyFont="1" applyFill="1" applyBorder="1" applyAlignment="1">
      <alignment vertical="center"/>
    </xf>
    <xf numFmtId="176" fontId="4" fillId="0" borderId="16" xfId="1" applyNumberFormat="1" applyFont="1" applyFill="1" applyBorder="1" applyAlignment="1">
      <alignment vertical="center"/>
    </xf>
    <xf numFmtId="176" fontId="4" fillId="0" borderId="17" xfId="1" applyNumberFormat="1" applyFont="1" applyFill="1" applyBorder="1" applyAlignment="1">
      <alignment vertical="center"/>
    </xf>
    <xf numFmtId="176" fontId="4" fillId="0" borderId="17" xfId="1" applyNumberFormat="1" applyFont="1" applyFill="1" applyBorder="1" applyAlignment="1">
      <alignment horizontal="center" vertical="center"/>
    </xf>
    <xf numFmtId="176" fontId="4" fillId="0" borderId="18" xfId="1" applyNumberFormat="1" applyFont="1" applyFill="1" applyBorder="1" applyAlignment="1">
      <alignment vertical="center"/>
    </xf>
    <xf numFmtId="176" fontId="4" fillId="0" borderId="13" xfId="1" applyNumberFormat="1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25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24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5"/>
  <sheetViews>
    <sheetView tabSelected="1" view="pageBreakPreview" zoomScaleNormal="100" zoomScaleSheetLayoutView="100" workbookViewId="0">
      <pane xSplit="1" topLeftCell="G1" activePane="topRight" state="frozen"/>
      <selection pane="topRight"/>
    </sheetView>
  </sheetViews>
  <sheetFormatPr defaultRowHeight="14.25"/>
  <cols>
    <col min="1" max="1" width="30.625" style="3" customWidth="1"/>
    <col min="2" max="16" width="19.25" style="3" customWidth="1"/>
    <col min="17" max="16384" width="9" style="3"/>
  </cols>
  <sheetData>
    <row r="1" spans="1:16" ht="20.100000000000001" customHeight="1" thickBot="1">
      <c r="A1" s="2" t="s">
        <v>23</v>
      </c>
      <c r="G1" s="13"/>
      <c r="H1" s="13"/>
      <c r="I1" s="13"/>
      <c r="J1" s="13"/>
      <c r="K1" s="13"/>
      <c r="L1" s="13"/>
      <c r="M1" s="13"/>
      <c r="N1" s="13"/>
      <c r="O1" s="13"/>
      <c r="P1" s="13" t="s">
        <v>31</v>
      </c>
    </row>
    <row r="2" spans="1:16" ht="20.100000000000001" customHeight="1">
      <c r="A2" s="31" t="s">
        <v>33</v>
      </c>
      <c r="B2" s="33" t="s">
        <v>38</v>
      </c>
      <c r="C2" s="37">
        <v>18</v>
      </c>
      <c r="D2" s="37">
        <v>19</v>
      </c>
      <c r="E2" s="37">
        <v>20</v>
      </c>
      <c r="F2" s="37">
        <v>21</v>
      </c>
      <c r="G2" s="35">
        <v>22</v>
      </c>
      <c r="H2" s="35">
        <v>23</v>
      </c>
      <c r="I2" s="37">
        <v>24</v>
      </c>
      <c r="J2" s="39">
        <v>25</v>
      </c>
      <c r="K2" s="35">
        <v>26</v>
      </c>
      <c r="L2" s="37">
        <v>27</v>
      </c>
      <c r="M2" s="37">
        <v>28</v>
      </c>
      <c r="N2" s="39">
        <v>29</v>
      </c>
      <c r="O2" s="35">
        <v>30</v>
      </c>
      <c r="P2" s="29" t="s">
        <v>39</v>
      </c>
    </row>
    <row r="3" spans="1:16" ht="20.100000000000001" customHeight="1">
      <c r="A3" s="32"/>
      <c r="B3" s="34"/>
      <c r="C3" s="38"/>
      <c r="D3" s="38"/>
      <c r="E3" s="38"/>
      <c r="F3" s="38"/>
      <c r="G3" s="36"/>
      <c r="H3" s="36"/>
      <c r="I3" s="38"/>
      <c r="J3" s="40"/>
      <c r="K3" s="36"/>
      <c r="L3" s="38"/>
      <c r="M3" s="38"/>
      <c r="N3" s="40"/>
      <c r="O3" s="36"/>
      <c r="P3" s="30"/>
    </row>
    <row r="4" spans="1:16" ht="20.100000000000001" customHeight="1">
      <c r="A4" s="18" t="s">
        <v>0</v>
      </c>
      <c r="B4" s="19"/>
      <c r="C4" s="11"/>
      <c r="D4" s="10"/>
      <c r="E4" s="11"/>
      <c r="F4" s="11"/>
      <c r="G4" s="20"/>
      <c r="H4" s="20"/>
      <c r="I4" s="10"/>
      <c r="J4" s="23"/>
      <c r="K4" s="20"/>
      <c r="L4" s="10"/>
      <c r="M4" s="10"/>
      <c r="N4" s="23"/>
      <c r="O4" s="20"/>
      <c r="P4" s="24"/>
    </row>
    <row r="5" spans="1:16" ht="20.100000000000001" customHeight="1">
      <c r="A5" s="1" t="s">
        <v>18</v>
      </c>
      <c r="B5" s="6">
        <v>8035551</v>
      </c>
      <c r="C5" s="11">
        <v>7640754</v>
      </c>
      <c r="D5" s="9">
        <v>8383820</v>
      </c>
      <c r="E5" s="11">
        <v>8340754</v>
      </c>
      <c r="F5" s="11">
        <v>8519025</v>
      </c>
      <c r="G5" s="7">
        <v>8587058</v>
      </c>
      <c r="H5" s="21">
        <v>9101559</v>
      </c>
      <c r="I5" s="11">
        <v>9472172</v>
      </c>
      <c r="J5" s="7">
        <v>9690287</v>
      </c>
      <c r="K5" s="21">
        <v>10147949</v>
      </c>
      <c r="L5" s="11">
        <v>12172760</v>
      </c>
      <c r="M5" s="11">
        <v>11479528</v>
      </c>
      <c r="N5" s="7">
        <v>11889748</v>
      </c>
      <c r="O5" s="21">
        <v>9925931</v>
      </c>
      <c r="P5" s="25">
        <v>10049337</v>
      </c>
    </row>
    <row r="6" spans="1:16" ht="20.100000000000001" customHeight="1">
      <c r="A6" s="1" t="s">
        <v>19</v>
      </c>
      <c r="B6" s="6">
        <v>1478</v>
      </c>
      <c r="C6" s="11">
        <v>1383</v>
      </c>
      <c r="D6" s="9">
        <v>1017</v>
      </c>
      <c r="E6" s="11">
        <v>1010</v>
      </c>
      <c r="F6" s="11">
        <v>847</v>
      </c>
      <c r="G6" s="7">
        <v>887</v>
      </c>
      <c r="H6" s="21">
        <v>849</v>
      </c>
      <c r="I6" s="11">
        <v>1023</v>
      </c>
      <c r="J6" s="7">
        <v>780</v>
      </c>
      <c r="K6" s="21">
        <v>685</v>
      </c>
      <c r="L6" s="11">
        <v>481</v>
      </c>
      <c r="M6" s="11">
        <v>531</v>
      </c>
      <c r="N6" s="7">
        <v>332</v>
      </c>
      <c r="O6" s="21">
        <v>63</v>
      </c>
      <c r="P6" s="25">
        <v>39</v>
      </c>
    </row>
    <row r="7" spans="1:16" ht="20.100000000000001" customHeight="1">
      <c r="A7" s="1" t="s">
        <v>20</v>
      </c>
      <c r="B7" s="6">
        <v>103298</v>
      </c>
      <c r="C7" s="11">
        <v>71506</v>
      </c>
      <c r="D7" s="9">
        <v>69689</v>
      </c>
      <c r="E7" s="11">
        <v>46657</v>
      </c>
      <c r="F7" s="11">
        <v>48997</v>
      </c>
      <c r="G7" s="7">
        <v>51475</v>
      </c>
      <c r="H7" s="21">
        <v>50453</v>
      </c>
      <c r="I7" s="11">
        <v>47476</v>
      </c>
      <c r="J7" s="7">
        <v>23931</v>
      </c>
      <c r="K7" s="21">
        <v>23185</v>
      </c>
      <c r="L7" s="11">
        <v>15721</v>
      </c>
      <c r="M7" s="11">
        <v>14347</v>
      </c>
      <c r="N7" s="7">
        <v>14081</v>
      </c>
      <c r="O7" s="21">
        <v>14124</v>
      </c>
      <c r="P7" s="25">
        <v>14223</v>
      </c>
    </row>
    <row r="8" spans="1:16" ht="20.100000000000001" customHeight="1">
      <c r="A8" s="1" t="s">
        <v>2</v>
      </c>
      <c r="B8" s="6">
        <v>6907750</v>
      </c>
      <c r="C8" s="11">
        <v>6508083</v>
      </c>
      <c r="D8" s="9">
        <v>6765050</v>
      </c>
      <c r="E8" s="11">
        <v>7178626</v>
      </c>
      <c r="F8" s="11">
        <v>7419799</v>
      </c>
      <c r="G8" s="7">
        <v>7809711</v>
      </c>
      <c r="H8" s="21">
        <v>8060055</v>
      </c>
      <c r="I8" s="11">
        <v>8390996</v>
      </c>
      <c r="J8" s="7">
        <v>8710958</v>
      </c>
      <c r="K8" s="21">
        <v>8891243</v>
      </c>
      <c r="L8" s="11">
        <v>8978782</v>
      </c>
      <c r="M8" s="11">
        <v>8972858</v>
      </c>
      <c r="N8" s="7">
        <v>9265028</v>
      </c>
      <c r="O8" s="21">
        <v>9289193</v>
      </c>
      <c r="P8" s="25">
        <v>9565226</v>
      </c>
    </row>
    <row r="9" spans="1:16" ht="20.100000000000001" customHeight="1">
      <c r="A9" s="1" t="s">
        <v>34</v>
      </c>
      <c r="B9" s="6"/>
      <c r="C9" s="11"/>
      <c r="D9" s="9"/>
      <c r="E9" s="11"/>
      <c r="F9" s="11"/>
      <c r="G9" s="7"/>
      <c r="H9" s="21"/>
      <c r="I9" s="11">
        <v>246402</v>
      </c>
      <c r="J9" s="7">
        <v>215101</v>
      </c>
      <c r="K9" s="21">
        <v>215813</v>
      </c>
      <c r="L9" s="11">
        <v>233678</v>
      </c>
      <c r="M9" s="11">
        <v>236979</v>
      </c>
      <c r="N9" s="7">
        <v>234269</v>
      </c>
      <c r="O9" s="21">
        <v>232963</v>
      </c>
      <c r="P9" s="25">
        <v>262199</v>
      </c>
    </row>
    <row r="10" spans="1:16" ht="20.100000000000001" customHeight="1">
      <c r="A10" s="1" t="s">
        <v>27</v>
      </c>
      <c r="B10" s="6">
        <v>480465</v>
      </c>
      <c r="C10" s="11">
        <v>440874</v>
      </c>
      <c r="D10" s="9">
        <v>448680</v>
      </c>
      <c r="E10" s="11">
        <v>850502</v>
      </c>
      <c r="F10" s="11">
        <v>996942</v>
      </c>
      <c r="G10" s="7">
        <v>1067425</v>
      </c>
      <c r="H10" s="21">
        <v>1101464</v>
      </c>
      <c r="I10" s="11">
        <v>1103058</v>
      </c>
      <c r="J10" s="7">
        <v>1118665</v>
      </c>
      <c r="K10" s="21">
        <v>1158937</v>
      </c>
      <c r="L10" s="11">
        <v>848080</v>
      </c>
      <c r="M10" s="11">
        <v>705369</v>
      </c>
      <c r="N10" s="7">
        <v>894107</v>
      </c>
      <c r="O10" s="28"/>
      <c r="P10" s="26"/>
    </row>
    <row r="11" spans="1:16" ht="20.100000000000001" customHeight="1">
      <c r="A11" s="1" t="s">
        <v>29</v>
      </c>
      <c r="B11" s="6"/>
      <c r="C11" s="11"/>
      <c r="D11" s="9"/>
      <c r="E11" s="11">
        <v>766736</v>
      </c>
      <c r="F11" s="11">
        <v>785611</v>
      </c>
      <c r="G11" s="7">
        <v>828698</v>
      </c>
      <c r="H11" s="21">
        <v>849984</v>
      </c>
      <c r="I11" s="11">
        <v>913204</v>
      </c>
      <c r="J11" s="7">
        <v>914642</v>
      </c>
      <c r="K11" s="21">
        <v>997135</v>
      </c>
      <c r="L11" s="11">
        <v>997200</v>
      </c>
      <c r="M11" s="11">
        <v>1045053</v>
      </c>
      <c r="N11" s="7">
        <v>1103869</v>
      </c>
      <c r="O11" s="21">
        <v>1169422</v>
      </c>
      <c r="P11" s="25">
        <v>1208453</v>
      </c>
    </row>
    <row r="12" spans="1:16" ht="20.100000000000001" customHeight="1">
      <c r="A12" s="1" t="s">
        <v>1</v>
      </c>
      <c r="B12" s="6">
        <v>154591</v>
      </c>
      <c r="C12" s="11">
        <v>99198</v>
      </c>
      <c r="D12" s="9">
        <v>77410</v>
      </c>
      <c r="E12" s="11">
        <v>64225</v>
      </c>
      <c r="F12" s="11">
        <v>67558</v>
      </c>
      <c r="G12" s="7">
        <v>40003</v>
      </c>
      <c r="H12" s="21">
        <v>28493</v>
      </c>
      <c r="I12" s="11">
        <v>21875</v>
      </c>
      <c r="J12" s="7">
        <v>17244</v>
      </c>
      <c r="K12" s="21">
        <v>15319</v>
      </c>
      <c r="L12" s="11">
        <v>14544</v>
      </c>
      <c r="M12" s="11">
        <v>10593</v>
      </c>
      <c r="N12" s="7">
        <v>9874</v>
      </c>
      <c r="O12" s="21">
        <v>13946</v>
      </c>
      <c r="P12" s="25">
        <v>12789</v>
      </c>
    </row>
    <row r="13" spans="1:16" ht="20.100000000000001" customHeight="1">
      <c r="A13" s="1" t="s">
        <v>7</v>
      </c>
      <c r="B13" s="6">
        <v>253051</v>
      </c>
      <c r="C13" s="11">
        <v>226237</v>
      </c>
      <c r="D13" s="9">
        <v>233412</v>
      </c>
      <c r="E13" s="11">
        <v>246865</v>
      </c>
      <c r="F13" s="11">
        <v>247646</v>
      </c>
      <c r="G13" s="7">
        <v>247423</v>
      </c>
      <c r="H13" s="21">
        <v>246309</v>
      </c>
      <c r="I13" s="11">
        <v>239774</v>
      </c>
      <c r="J13" s="7">
        <v>239705</v>
      </c>
      <c r="K13" s="21">
        <v>244000</v>
      </c>
      <c r="L13" s="11">
        <v>246469</v>
      </c>
      <c r="M13" s="11">
        <v>241213</v>
      </c>
      <c r="N13" s="7">
        <v>264577</v>
      </c>
      <c r="O13" s="28"/>
      <c r="P13" s="26"/>
    </row>
    <row r="14" spans="1:16" ht="20.100000000000001" customHeight="1">
      <c r="A14" s="1" t="s">
        <v>13</v>
      </c>
      <c r="B14" s="6">
        <v>22158</v>
      </c>
      <c r="C14" s="11">
        <v>22253</v>
      </c>
      <c r="D14" s="9">
        <v>19487</v>
      </c>
      <c r="E14" s="11">
        <v>22905</v>
      </c>
      <c r="F14" s="11">
        <v>21091</v>
      </c>
      <c r="G14" s="7">
        <v>19474</v>
      </c>
      <c r="H14" s="21">
        <v>14548</v>
      </c>
      <c r="I14" s="11">
        <v>15541</v>
      </c>
      <c r="J14" s="7">
        <v>31326</v>
      </c>
      <c r="K14" s="21">
        <v>32908</v>
      </c>
      <c r="L14" s="11">
        <v>36761</v>
      </c>
      <c r="M14" s="11">
        <v>45202</v>
      </c>
      <c r="N14" s="7">
        <v>37768</v>
      </c>
      <c r="O14" s="21">
        <v>28719</v>
      </c>
      <c r="P14" s="25">
        <v>26489</v>
      </c>
    </row>
    <row r="15" spans="1:16" ht="20.100000000000001" customHeight="1">
      <c r="A15" s="1" t="s">
        <v>14</v>
      </c>
      <c r="B15" s="8">
        <v>1545</v>
      </c>
      <c r="C15" s="11">
        <v>1563</v>
      </c>
      <c r="D15" s="7">
        <v>1614</v>
      </c>
      <c r="E15" s="11">
        <v>1627</v>
      </c>
      <c r="F15" s="11">
        <v>1387</v>
      </c>
      <c r="G15" s="7">
        <v>1273</v>
      </c>
      <c r="H15" s="21">
        <v>1298</v>
      </c>
      <c r="I15" s="11">
        <v>1266</v>
      </c>
      <c r="J15" s="7">
        <v>1263</v>
      </c>
      <c r="K15" s="21">
        <v>1262</v>
      </c>
      <c r="L15" s="11">
        <v>1772</v>
      </c>
      <c r="M15" s="11">
        <v>2153</v>
      </c>
      <c r="N15" s="7">
        <v>1293</v>
      </c>
      <c r="O15" s="21">
        <v>1415</v>
      </c>
      <c r="P15" s="25">
        <v>1371</v>
      </c>
    </row>
    <row r="16" spans="1:16" ht="20.100000000000001" customHeight="1">
      <c r="A16" s="1" t="s">
        <v>6</v>
      </c>
      <c r="B16" s="6">
        <v>29064</v>
      </c>
      <c r="C16" s="11"/>
      <c r="D16" s="9"/>
      <c r="E16" s="11"/>
      <c r="F16" s="11"/>
      <c r="G16" s="7"/>
      <c r="H16" s="21"/>
      <c r="I16" s="11"/>
      <c r="J16" s="7"/>
      <c r="K16" s="21"/>
      <c r="L16" s="11"/>
      <c r="M16" s="11"/>
      <c r="N16" s="7"/>
      <c r="O16" s="21"/>
      <c r="P16" s="25"/>
    </row>
    <row r="17" spans="1:16" ht="20.100000000000001" customHeight="1">
      <c r="A17" s="1" t="s">
        <v>9</v>
      </c>
      <c r="B17" s="6">
        <v>59795</v>
      </c>
      <c r="C17" s="11"/>
      <c r="D17" s="9"/>
      <c r="E17" s="11"/>
      <c r="F17" s="11"/>
      <c r="G17" s="7"/>
      <c r="H17" s="21"/>
      <c r="I17" s="11"/>
      <c r="J17" s="7"/>
      <c r="K17" s="21"/>
      <c r="L17" s="11"/>
      <c r="M17" s="11"/>
      <c r="N17" s="7"/>
      <c r="O17" s="21"/>
      <c r="P17" s="25"/>
    </row>
    <row r="18" spans="1:16" ht="20.100000000000001" customHeight="1">
      <c r="A18" s="1" t="s">
        <v>10</v>
      </c>
      <c r="B18" s="6">
        <v>59292</v>
      </c>
      <c r="C18" s="11"/>
      <c r="D18" s="9"/>
      <c r="E18" s="11"/>
      <c r="F18" s="11"/>
      <c r="G18" s="7"/>
      <c r="H18" s="21"/>
      <c r="I18" s="11"/>
      <c r="J18" s="7"/>
      <c r="K18" s="21"/>
      <c r="L18" s="11"/>
      <c r="M18" s="11"/>
      <c r="N18" s="7"/>
      <c r="O18" s="21"/>
      <c r="P18" s="25"/>
    </row>
    <row r="19" spans="1:16" ht="20.100000000000001" customHeight="1">
      <c r="A19" s="1" t="s">
        <v>8</v>
      </c>
      <c r="B19" s="6">
        <v>31185</v>
      </c>
      <c r="C19" s="11">
        <v>814</v>
      </c>
      <c r="D19" s="9"/>
      <c r="E19" s="11"/>
      <c r="F19" s="11"/>
      <c r="G19" s="7"/>
      <c r="H19" s="21"/>
      <c r="I19" s="11"/>
      <c r="J19" s="7"/>
      <c r="K19" s="21"/>
      <c r="L19" s="11"/>
      <c r="M19" s="11"/>
      <c r="N19" s="7"/>
      <c r="O19" s="21"/>
      <c r="P19" s="25"/>
    </row>
    <row r="20" spans="1:16" ht="20.100000000000001" customHeight="1">
      <c r="A20" s="1" t="s">
        <v>22</v>
      </c>
      <c r="B20" s="8"/>
      <c r="C20" s="11">
        <v>277394</v>
      </c>
      <c r="D20" s="7">
        <v>1767571</v>
      </c>
      <c r="E20" s="11"/>
      <c r="F20" s="11"/>
      <c r="G20" s="7"/>
      <c r="H20" s="21"/>
      <c r="I20" s="11"/>
      <c r="J20" s="7"/>
      <c r="K20" s="21"/>
      <c r="L20" s="11"/>
      <c r="M20" s="11"/>
      <c r="N20" s="7"/>
      <c r="O20" s="21"/>
      <c r="P20" s="25"/>
    </row>
    <row r="21" spans="1:16" ht="20.100000000000001" customHeight="1">
      <c r="A21" s="1" t="s">
        <v>15</v>
      </c>
      <c r="B21" s="8">
        <v>505552</v>
      </c>
      <c r="C21" s="11">
        <v>447386</v>
      </c>
      <c r="D21" s="7">
        <v>446798</v>
      </c>
      <c r="E21" s="11">
        <v>576204</v>
      </c>
      <c r="F21" s="11">
        <v>671250</v>
      </c>
      <c r="G21" s="7"/>
      <c r="H21" s="21"/>
      <c r="I21" s="11"/>
      <c r="J21" s="7"/>
      <c r="K21" s="21"/>
      <c r="L21" s="11"/>
      <c r="M21" s="11"/>
      <c r="N21" s="7"/>
      <c r="O21" s="21"/>
      <c r="P21" s="25"/>
    </row>
    <row r="22" spans="1:16" ht="20.100000000000001" customHeight="1">
      <c r="A22" s="1" t="s">
        <v>5</v>
      </c>
      <c r="B22" s="6">
        <v>10039835</v>
      </c>
      <c r="C22" s="11">
        <v>9071194</v>
      </c>
      <c r="D22" s="9">
        <v>9398273</v>
      </c>
      <c r="E22" s="11">
        <v>938420</v>
      </c>
      <c r="F22" s="11">
        <v>54901</v>
      </c>
      <c r="G22" s="7">
        <v>6147</v>
      </c>
      <c r="H22" s="21"/>
      <c r="I22" s="11"/>
      <c r="J22" s="7"/>
      <c r="K22" s="21"/>
      <c r="L22" s="11"/>
      <c r="M22" s="11"/>
      <c r="N22" s="7"/>
      <c r="O22" s="21"/>
      <c r="P22" s="25"/>
    </row>
    <row r="23" spans="1:16" ht="20.100000000000001" customHeight="1">
      <c r="A23" s="1" t="s">
        <v>30</v>
      </c>
      <c r="B23" s="8"/>
      <c r="C23" s="11"/>
      <c r="D23" s="7">
        <v>38750</v>
      </c>
      <c r="E23" s="11">
        <v>13576</v>
      </c>
      <c r="F23" s="11">
        <v>12970</v>
      </c>
      <c r="G23" s="7">
        <v>10726</v>
      </c>
      <c r="H23" s="21">
        <v>8907</v>
      </c>
      <c r="I23" s="11"/>
      <c r="J23" s="7"/>
      <c r="K23" s="21"/>
      <c r="L23" s="11"/>
      <c r="M23" s="11"/>
      <c r="N23" s="7"/>
      <c r="O23" s="21"/>
      <c r="P23" s="25"/>
    </row>
    <row r="24" spans="1:16" ht="20.100000000000001" customHeight="1">
      <c r="A24" s="1" t="s">
        <v>3</v>
      </c>
      <c r="B24" s="6">
        <v>185660</v>
      </c>
      <c r="C24" s="11">
        <v>161273</v>
      </c>
      <c r="D24" s="9">
        <v>158429</v>
      </c>
      <c r="E24" s="11">
        <v>158803</v>
      </c>
      <c r="F24" s="11">
        <v>163696</v>
      </c>
      <c r="G24" s="7">
        <v>157733</v>
      </c>
      <c r="H24" s="21">
        <v>144377</v>
      </c>
      <c r="I24" s="11"/>
      <c r="J24" s="7"/>
      <c r="K24" s="21"/>
      <c r="L24" s="11"/>
      <c r="M24" s="11"/>
      <c r="N24" s="7"/>
      <c r="O24" s="21"/>
      <c r="P24" s="25"/>
    </row>
    <row r="25" spans="1:16" ht="20.100000000000001" customHeight="1">
      <c r="A25" s="1" t="s">
        <v>4</v>
      </c>
      <c r="B25" s="6">
        <v>117053</v>
      </c>
      <c r="C25" s="11">
        <v>102869</v>
      </c>
      <c r="D25" s="9">
        <v>103621</v>
      </c>
      <c r="E25" s="11">
        <v>98442</v>
      </c>
      <c r="F25" s="11">
        <v>94852</v>
      </c>
      <c r="G25" s="7">
        <v>93241</v>
      </c>
      <c r="H25" s="21">
        <v>83992</v>
      </c>
      <c r="I25" s="11"/>
      <c r="J25" s="7"/>
      <c r="K25" s="21"/>
      <c r="L25" s="11"/>
      <c r="M25" s="11"/>
      <c r="N25" s="7"/>
      <c r="O25" s="21"/>
      <c r="P25" s="25"/>
    </row>
    <row r="26" spans="1:16" ht="20.100000000000001" customHeight="1">
      <c r="A26" s="1" t="s">
        <v>11</v>
      </c>
      <c r="B26" s="6">
        <v>898696</v>
      </c>
      <c r="C26" s="11">
        <v>735253</v>
      </c>
      <c r="D26" s="9">
        <v>717577</v>
      </c>
      <c r="E26" s="11">
        <v>660583</v>
      </c>
      <c r="F26" s="11">
        <v>643329</v>
      </c>
      <c r="G26" s="7">
        <v>894476</v>
      </c>
      <c r="H26" s="21">
        <v>619587</v>
      </c>
      <c r="I26" s="11"/>
      <c r="J26" s="7"/>
      <c r="K26" s="21"/>
      <c r="L26" s="11"/>
      <c r="M26" s="11"/>
      <c r="N26" s="7"/>
      <c r="O26" s="21"/>
      <c r="P26" s="25"/>
    </row>
    <row r="27" spans="1:16" ht="20.100000000000001" customHeight="1">
      <c r="A27" s="1" t="s">
        <v>12</v>
      </c>
      <c r="B27" s="6">
        <v>490205</v>
      </c>
      <c r="C27" s="11">
        <v>321655</v>
      </c>
      <c r="D27" s="9">
        <v>356336</v>
      </c>
      <c r="E27" s="11">
        <v>448314</v>
      </c>
      <c r="F27" s="11">
        <v>394894</v>
      </c>
      <c r="G27" s="7">
        <v>324545</v>
      </c>
      <c r="H27" s="21">
        <v>278015</v>
      </c>
      <c r="I27" s="11"/>
      <c r="J27" s="7"/>
      <c r="K27" s="21"/>
      <c r="L27" s="11"/>
      <c r="M27" s="11"/>
      <c r="N27" s="7"/>
      <c r="O27" s="21"/>
      <c r="P27" s="25"/>
    </row>
    <row r="28" spans="1:16" ht="20.100000000000001" customHeight="1">
      <c r="A28" s="1" t="s">
        <v>28</v>
      </c>
      <c r="B28" s="6">
        <v>137238</v>
      </c>
      <c r="C28" s="11">
        <v>116355</v>
      </c>
      <c r="D28" s="9">
        <v>90746</v>
      </c>
      <c r="E28" s="11">
        <v>85408</v>
      </c>
      <c r="F28" s="11">
        <v>91692</v>
      </c>
      <c r="G28" s="7">
        <v>70446</v>
      </c>
      <c r="H28" s="21">
        <v>63428</v>
      </c>
      <c r="I28" s="11"/>
      <c r="J28" s="7"/>
      <c r="K28" s="21"/>
      <c r="L28" s="11"/>
      <c r="M28" s="11"/>
      <c r="N28" s="7"/>
      <c r="O28" s="21"/>
      <c r="P28" s="25"/>
    </row>
    <row r="29" spans="1:16" ht="20.100000000000001" customHeight="1">
      <c r="A29" s="12" t="s">
        <v>36</v>
      </c>
      <c r="B29" s="6"/>
      <c r="C29" s="11"/>
      <c r="D29" s="7"/>
      <c r="E29" s="11"/>
      <c r="F29" s="11"/>
      <c r="G29" s="7"/>
      <c r="H29" s="21"/>
      <c r="I29" s="11"/>
      <c r="J29" s="7"/>
      <c r="K29" s="21">
        <v>140654</v>
      </c>
      <c r="L29" s="11">
        <v>138777</v>
      </c>
      <c r="M29" s="11">
        <v>140461</v>
      </c>
      <c r="N29" s="7">
        <v>146587</v>
      </c>
      <c r="O29" s="21">
        <v>152879</v>
      </c>
      <c r="P29" s="25">
        <v>147835</v>
      </c>
    </row>
    <row r="30" spans="1:16" ht="20.100000000000001" customHeight="1">
      <c r="A30" s="12" t="s">
        <v>37</v>
      </c>
      <c r="B30" s="6"/>
      <c r="C30" s="11"/>
      <c r="D30" s="7"/>
      <c r="E30" s="11"/>
      <c r="F30" s="11"/>
      <c r="G30" s="7"/>
      <c r="H30" s="21"/>
      <c r="I30" s="11"/>
      <c r="J30" s="7"/>
      <c r="K30" s="21"/>
      <c r="L30" s="11">
        <v>370407</v>
      </c>
      <c r="M30" s="11">
        <v>477593</v>
      </c>
      <c r="N30" s="7">
        <v>361256</v>
      </c>
      <c r="O30" s="21">
        <v>0</v>
      </c>
      <c r="P30" s="25">
        <v>790857</v>
      </c>
    </row>
    <row r="31" spans="1:16" ht="20.100000000000001" customHeight="1">
      <c r="A31" s="12" t="s">
        <v>16</v>
      </c>
      <c r="B31" s="8"/>
      <c r="C31" s="11"/>
      <c r="D31" s="7"/>
      <c r="E31" s="11"/>
      <c r="F31" s="11"/>
      <c r="G31" s="7"/>
      <c r="H31" s="21"/>
      <c r="I31" s="11"/>
      <c r="J31" s="7"/>
      <c r="K31" s="21"/>
      <c r="L31" s="11"/>
      <c r="M31" s="11"/>
      <c r="N31" s="7"/>
      <c r="O31" s="21"/>
      <c r="P31" s="25"/>
    </row>
    <row r="32" spans="1:16" ht="20.100000000000001" customHeight="1">
      <c r="A32" s="12" t="s">
        <v>25</v>
      </c>
      <c r="B32" s="8">
        <v>4997013</v>
      </c>
      <c r="C32" s="11">
        <v>5343969</v>
      </c>
      <c r="D32" s="7">
        <v>5880348</v>
      </c>
      <c r="E32" s="11">
        <v>5708137</v>
      </c>
      <c r="F32" s="11">
        <v>5934398</v>
      </c>
      <c r="G32" s="7">
        <v>6191562</v>
      </c>
      <c r="H32" s="21">
        <v>6574438</v>
      </c>
      <c r="I32" s="11">
        <v>6737733</v>
      </c>
      <c r="J32" s="7">
        <v>6868323</v>
      </c>
      <c r="K32" s="21">
        <v>8813851</v>
      </c>
      <c r="L32" s="11">
        <v>6837878</v>
      </c>
      <c r="M32" s="11">
        <v>6967126</v>
      </c>
      <c r="N32" s="7">
        <v>7335883</v>
      </c>
      <c r="O32" s="21">
        <v>7372434</v>
      </c>
      <c r="P32" s="25">
        <v>7444773</v>
      </c>
    </row>
    <row r="33" spans="1:16" ht="20.100000000000001" customHeight="1">
      <c r="A33" s="12" t="s">
        <v>26</v>
      </c>
      <c r="B33" s="8">
        <v>1477438</v>
      </c>
      <c r="C33" s="11">
        <v>3233454</v>
      </c>
      <c r="D33" s="7">
        <v>1806303</v>
      </c>
      <c r="E33" s="11">
        <v>372575</v>
      </c>
      <c r="F33" s="11">
        <v>511887</v>
      </c>
      <c r="G33" s="7">
        <v>405288</v>
      </c>
      <c r="H33" s="21">
        <v>538868</v>
      </c>
      <c r="I33" s="11">
        <v>509340</v>
      </c>
      <c r="J33" s="7">
        <v>489389</v>
      </c>
      <c r="K33" s="21">
        <v>879032</v>
      </c>
      <c r="L33" s="11">
        <v>2007767</v>
      </c>
      <c r="M33" s="11">
        <v>3174124</v>
      </c>
      <c r="N33" s="7">
        <v>651218</v>
      </c>
      <c r="O33" s="21">
        <v>722963</v>
      </c>
      <c r="P33" s="25">
        <v>614939</v>
      </c>
    </row>
    <row r="34" spans="1:16" ht="20.100000000000001" customHeight="1">
      <c r="A34" s="12" t="s">
        <v>35</v>
      </c>
      <c r="B34" s="8"/>
      <c r="C34" s="11"/>
      <c r="D34" s="7"/>
      <c r="E34" s="11"/>
      <c r="F34" s="11"/>
      <c r="G34" s="7"/>
      <c r="H34" s="21"/>
      <c r="I34" s="11"/>
      <c r="J34" s="7"/>
      <c r="K34" s="21"/>
      <c r="L34" s="11"/>
      <c r="M34" s="11"/>
      <c r="N34" s="7"/>
      <c r="O34" s="21"/>
      <c r="P34" s="25"/>
    </row>
    <row r="35" spans="1:16" ht="20.100000000000001" customHeight="1">
      <c r="A35" s="12" t="s">
        <v>25</v>
      </c>
      <c r="B35" s="8"/>
      <c r="C35" s="11"/>
      <c r="D35" s="7"/>
      <c r="E35" s="11"/>
      <c r="F35" s="11"/>
      <c r="G35" s="7"/>
      <c r="H35" s="21"/>
      <c r="I35" s="11">
        <v>2836259</v>
      </c>
      <c r="J35" s="7">
        <v>2771186</v>
      </c>
      <c r="K35" s="21">
        <v>3412941</v>
      </c>
      <c r="L35" s="11">
        <v>3496121</v>
      </c>
      <c r="M35" s="11">
        <v>3322168</v>
      </c>
      <c r="N35" s="7">
        <v>3275330</v>
      </c>
      <c r="O35" s="21">
        <v>3373054</v>
      </c>
      <c r="P35" s="25">
        <v>3684341</v>
      </c>
    </row>
    <row r="36" spans="1:16" ht="20.100000000000001" customHeight="1">
      <c r="A36" s="12" t="s">
        <v>26</v>
      </c>
      <c r="B36" s="8"/>
      <c r="C36" s="11"/>
      <c r="D36" s="7"/>
      <c r="E36" s="11"/>
      <c r="F36" s="11"/>
      <c r="G36" s="7"/>
      <c r="H36" s="21"/>
      <c r="I36" s="11">
        <v>1894861</v>
      </c>
      <c r="J36" s="7">
        <v>1862322</v>
      </c>
      <c r="K36" s="21">
        <v>2393306</v>
      </c>
      <c r="L36" s="11">
        <v>2491549</v>
      </c>
      <c r="M36" s="11">
        <v>2763186</v>
      </c>
      <c r="N36" s="7">
        <v>2226300</v>
      </c>
      <c r="O36" s="21">
        <v>2293787</v>
      </c>
      <c r="P36" s="25">
        <v>2556398</v>
      </c>
    </row>
    <row r="37" spans="1:16" ht="20.100000000000001" customHeight="1">
      <c r="A37" s="12" t="s">
        <v>17</v>
      </c>
      <c r="B37" s="8"/>
      <c r="C37" s="11"/>
      <c r="D37" s="7"/>
      <c r="E37" s="11"/>
      <c r="F37" s="11"/>
      <c r="G37" s="7"/>
      <c r="H37" s="21"/>
      <c r="I37" s="11"/>
      <c r="J37" s="7"/>
      <c r="K37" s="21"/>
      <c r="L37" s="11"/>
      <c r="M37" s="11"/>
      <c r="N37" s="7"/>
      <c r="O37" s="21"/>
      <c r="P37" s="25"/>
    </row>
    <row r="38" spans="1:16" ht="20.100000000000001" customHeight="1">
      <c r="A38" s="12" t="s">
        <v>25</v>
      </c>
      <c r="B38" s="8">
        <v>1772088</v>
      </c>
      <c r="C38" s="11">
        <v>1831135</v>
      </c>
      <c r="D38" s="7">
        <v>1829005</v>
      </c>
      <c r="E38" s="11">
        <v>1871293</v>
      </c>
      <c r="F38" s="11">
        <v>1883576</v>
      </c>
      <c r="G38" s="7">
        <v>1870959</v>
      </c>
      <c r="H38" s="21">
        <v>1887029</v>
      </c>
      <c r="I38" s="11"/>
      <c r="J38" s="7"/>
      <c r="K38" s="21"/>
      <c r="L38" s="11"/>
      <c r="M38" s="11"/>
      <c r="N38" s="7"/>
      <c r="O38" s="21"/>
      <c r="P38" s="25"/>
    </row>
    <row r="39" spans="1:16" ht="20.100000000000001" customHeight="1">
      <c r="A39" s="12" t="s">
        <v>26</v>
      </c>
      <c r="B39" s="8">
        <v>2272607</v>
      </c>
      <c r="C39" s="11">
        <v>2714392</v>
      </c>
      <c r="D39" s="11">
        <v>2800639</v>
      </c>
      <c r="E39" s="11">
        <v>3601386</v>
      </c>
      <c r="F39" s="11">
        <v>3523869</v>
      </c>
      <c r="G39" s="21">
        <v>1728439</v>
      </c>
      <c r="H39" s="21">
        <v>1441748</v>
      </c>
      <c r="I39" s="11"/>
      <c r="J39" s="7"/>
      <c r="K39" s="21"/>
      <c r="L39" s="11"/>
      <c r="M39" s="11"/>
      <c r="N39" s="7"/>
      <c r="O39" s="21"/>
      <c r="P39" s="25"/>
    </row>
    <row r="40" spans="1:16" ht="20.100000000000001" customHeight="1">
      <c r="A40" s="12" t="s">
        <v>21</v>
      </c>
      <c r="B40" s="6"/>
      <c r="C40" s="11"/>
      <c r="D40" s="7"/>
      <c r="E40" s="11"/>
      <c r="F40" s="11"/>
      <c r="G40" s="7"/>
      <c r="H40" s="21"/>
      <c r="I40" s="11"/>
      <c r="J40" s="7"/>
      <c r="K40" s="21"/>
      <c r="L40" s="11"/>
      <c r="M40" s="11"/>
      <c r="N40" s="7"/>
      <c r="O40" s="21"/>
      <c r="P40" s="25"/>
    </row>
    <row r="41" spans="1:16" ht="20.100000000000001" customHeight="1">
      <c r="A41" s="12" t="s">
        <v>25</v>
      </c>
      <c r="B41" s="8">
        <v>202725</v>
      </c>
      <c r="C41" s="11">
        <v>221682</v>
      </c>
      <c r="D41" s="7"/>
      <c r="E41" s="11"/>
      <c r="F41" s="11"/>
      <c r="G41" s="7"/>
      <c r="H41" s="21"/>
      <c r="I41" s="11"/>
      <c r="J41" s="7"/>
      <c r="K41" s="21"/>
      <c r="L41" s="11"/>
      <c r="M41" s="11"/>
      <c r="N41" s="7"/>
      <c r="O41" s="21"/>
      <c r="P41" s="25"/>
    </row>
    <row r="42" spans="1:16" ht="20.100000000000001" customHeight="1" thickBot="1">
      <c r="A42" s="12" t="s">
        <v>26</v>
      </c>
      <c r="B42" s="6">
        <v>62579</v>
      </c>
      <c r="C42" s="11">
        <v>46895</v>
      </c>
      <c r="D42" s="11"/>
      <c r="E42" s="11"/>
      <c r="F42" s="11"/>
      <c r="G42" s="21"/>
      <c r="H42" s="21"/>
      <c r="I42" s="11"/>
      <c r="J42" s="7"/>
      <c r="K42" s="21"/>
      <c r="L42" s="11"/>
      <c r="M42" s="11"/>
      <c r="N42" s="7"/>
      <c r="O42" s="21"/>
      <c r="P42" s="25"/>
    </row>
    <row r="43" spans="1:16" ht="20.100000000000001" customHeight="1" thickTop="1" thickBot="1">
      <c r="A43" s="17" t="s">
        <v>32</v>
      </c>
      <c r="B43" s="16">
        <f t="shared" ref="B43:G43" si="0">SUM(B4:B42)</f>
        <v>39297912</v>
      </c>
      <c r="C43" s="15">
        <f t="shared" si="0"/>
        <v>39637571</v>
      </c>
      <c r="D43" s="15">
        <f t="shared" si="0"/>
        <v>41394575</v>
      </c>
      <c r="E43" s="16">
        <f t="shared" si="0"/>
        <v>32053048</v>
      </c>
      <c r="F43" s="15">
        <f t="shared" si="0"/>
        <v>32090217</v>
      </c>
      <c r="G43" s="16">
        <f t="shared" si="0"/>
        <v>30406989</v>
      </c>
      <c r="H43" s="22">
        <f t="shared" ref="H43:N43" si="1">SUM(H4:H42)</f>
        <v>31095401</v>
      </c>
      <c r="I43" s="15">
        <f t="shared" si="1"/>
        <v>32430980</v>
      </c>
      <c r="J43" s="16">
        <f t="shared" si="1"/>
        <v>32955122</v>
      </c>
      <c r="K43" s="22">
        <f t="shared" si="1"/>
        <v>37368220</v>
      </c>
      <c r="L43" s="15">
        <f t="shared" si="1"/>
        <v>38888747</v>
      </c>
      <c r="M43" s="15">
        <f>SUM(M4:M42)</f>
        <v>39598484</v>
      </c>
      <c r="N43" s="16">
        <f t="shared" si="1"/>
        <v>37711520</v>
      </c>
      <c r="O43" s="22">
        <f>SUM(O4:O42)</f>
        <v>34590893</v>
      </c>
      <c r="P43" s="27">
        <f>SUM(P4:P42)</f>
        <v>36379269</v>
      </c>
    </row>
    <row r="44" spans="1:16" ht="20.100000000000001" customHeight="1">
      <c r="A44" s="4" t="s">
        <v>24</v>
      </c>
      <c r="B44" s="7"/>
      <c r="C44" s="7"/>
      <c r="D44" s="7"/>
      <c r="E44" s="7"/>
      <c r="F44" s="7"/>
      <c r="G44" s="7"/>
      <c r="H44" s="7"/>
      <c r="I44" s="7"/>
      <c r="J44" s="7"/>
      <c r="P44" s="41"/>
    </row>
    <row r="45" spans="1:16" ht="20.100000000000001" customHeight="1">
      <c r="A45" s="4"/>
      <c r="B45" s="5"/>
      <c r="C45" s="5"/>
      <c r="D45" s="14"/>
      <c r="F45" s="14"/>
    </row>
  </sheetData>
  <mergeCells count="16">
    <mergeCell ref="P2:P3"/>
    <mergeCell ref="A2:A3"/>
    <mergeCell ref="B2:B3"/>
    <mergeCell ref="O2:O3"/>
    <mergeCell ref="M2:M3"/>
    <mergeCell ref="N2:N3"/>
    <mergeCell ref="H2:H3"/>
    <mergeCell ref="C2:C3"/>
    <mergeCell ref="D2:D3"/>
    <mergeCell ref="E2:E3"/>
    <mergeCell ref="F2:F3"/>
    <mergeCell ref="G2:G3"/>
    <mergeCell ref="L2:L3"/>
    <mergeCell ref="K2:K3"/>
    <mergeCell ref="I2:I3"/>
    <mergeCell ref="J2:J3"/>
  </mergeCells>
  <phoneticPr fontId="2"/>
  <printOptions horizontalCentered="1"/>
  <pageMargins left="1.1811023622047245" right="0.39370078740157483" top="0.59055118110236227" bottom="0.19685039370078741" header="0.51181102362204722" footer="0.51181102362204722"/>
  <pageSetup paperSize="8" scale="61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4-4</vt:lpstr>
      <vt:lpstr>'24-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18-12-20T08:00:00Z</cp:lastPrinted>
  <dcterms:created xsi:type="dcterms:W3CDTF">1997-01-08T22:48:59Z</dcterms:created>
  <dcterms:modified xsi:type="dcterms:W3CDTF">2021-02-04T00:37:04Z</dcterms:modified>
</cp:coreProperties>
</file>